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5\ponizej 130 tys\126 naprawa posadzek\3 Zmiana zakresu TSO\"/>
    </mc:Choice>
  </mc:AlternateContent>
  <xr:revisionPtr revIDLastSave="0" documentId="13_ncr:1_{126EA724-0BA8-4276-AE91-DF9EC647DFD6}" xr6:coauthVersionLast="47" xr6:coauthVersionMax="47" xr10:uidLastSave="{00000000-0000-0000-0000-000000000000}"/>
  <bookViews>
    <workbookView xWindow="28680" yWindow="-120" windowWidth="29040" windowHeight="15720" xr2:uid="{5650F50F-D4EA-4AE7-A405-C46548567258}"/>
  </bookViews>
  <sheets>
    <sheet name="części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12" i="6" l="1"/>
  <c r="J11" i="6"/>
  <c r="H10" i="6"/>
  <c r="H8" i="6"/>
  <c r="J8" i="6"/>
  <c r="L8" i="6"/>
  <c r="K8" i="6" s="1"/>
  <c r="H9" i="6"/>
  <c r="L9" i="6" s="1"/>
  <c r="K9" i="6" s="1"/>
  <c r="J9" i="6"/>
  <c r="H7" i="6"/>
  <c r="J7" i="6" s="1"/>
  <c r="L7" i="6" l="1"/>
  <c r="K7" i="6" l="1"/>
</calcChain>
</file>

<file path=xl/sharedStrings.xml><?xml version="1.0" encoding="utf-8"?>
<sst xmlns="http://schemas.openxmlformats.org/spreadsheetml/2006/main" count="37" uniqueCount="35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Załacznik nr 2 do Zaproszenia</t>
  </si>
  <si>
    <t>UWAGA! POWYŻSZY FORMULARZ CENOWY ZAWIERA AUTOMATYCZNE FUNKCJE - NALEŻY UZUPEŁNIĆ KOLUMNY X, B i V. ZAMAWIAJĄCY ZAZNACZA, ŻE NINIEJSZY FORMULARZ JEST TYLKO WZOREM I TO DO WYKONAWCY NALEŻY PRAWIDŁOWE OBLICZENIE CENY</t>
  </si>
  <si>
    <r>
      <t>WZÓR FORMULARZA CENOWEGO - DZPZ/2651/126/2025</t>
    </r>
    <r>
      <rPr>
        <sz val="11"/>
        <rFont val="Arial"/>
        <family val="2"/>
        <charset val="238"/>
      </rPr>
      <t xml:space="preserve"> </t>
    </r>
  </si>
  <si>
    <t>Wykonanie napraw posadzek i wykładzin PCV w ciągach komunikacyjnych i holach windowych budynku WSS w Olsztynie</t>
  </si>
  <si>
    <t>m2</t>
  </si>
  <si>
    <t>2.</t>
  </si>
  <si>
    <t>3.</t>
  </si>
  <si>
    <t>Wartość VAT</t>
  </si>
  <si>
    <t>Wartość brutto</t>
  </si>
  <si>
    <t>Wykonanie napraw posadzek i wykładzin PCV w pomieszczeniu socjalnym, zlokalizowanym (część czysta) w Centralnej Sterylizatorni.</t>
  </si>
  <si>
    <t>Dostawa i montaż wykładziny w pomieszczeniach budynku 18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21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"/>
      <family val="2"/>
      <charset val="238"/>
    </font>
    <font>
      <b/>
      <sz val="10"/>
      <color indexed="17"/>
      <name val="Arial"/>
      <family val="2"/>
      <charset val="238"/>
    </font>
    <font>
      <b/>
      <sz val="10"/>
      <name val="Arial"/>
      <family val="2"/>
      <charset val="238"/>
    </font>
    <font>
      <b/>
      <sz val="10"/>
      <name val="Arial CE"/>
      <charset val="238"/>
    </font>
    <font>
      <sz val="10"/>
      <name val="Arial CE"/>
      <family val="2"/>
      <charset val="238"/>
    </font>
    <font>
      <sz val="11"/>
      <color indexed="8"/>
      <name val="Czcionka tekstu podstawowego"/>
      <family val="2"/>
      <charset val="238"/>
    </font>
    <font>
      <sz val="11"/>
      <color indexed="9"/>
      <name val="Czcionka tekstu podstawowego"/>
      <family val="2"/>
      <charset val="238"/>
    </font>
    <font>
      <sz val="11"/>
      <color indexed="17"/>
      <name val="Czcionka tekstu podstawowego"/>
      <family val="2"/>
      <charset val="238"/>
    </font>
    <font>
      <sz val="11"/>
      <color indexed="60"/>
      <name val="Czcionka tekstu podstawowego"/>
      <family val="2"/>
      <charset val="238"/>
    </font>
    <font>
      <sz val="11"/>
      <color indexed="20"/>
      <name val="Czcionka tekstu podstawowego"/>
      <family val="2"/>
      <charset val="238"/>
    </font>
    <font>
      <sz val="11"/>
      <name val="Times New Roman"/>
      <family val="1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  <font>
      <b/>
      <sz val="11"/>
      <color rgb="FFC00000"/>
      <name val="Arial"/>
      <family val="2"/>
      <charset val="238"/>
    </font>
  </fonts>
  <fills count="21">
    <fill>
      <patternFill patternType="none"/>
    </fill>
    <fill>
      <patternFill patternType="gray125"/>
    </fill>
    <fill>
      <patternFill patternType="solid">
        <fgColor indexed="31"/>
        <bgColor indexed="22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46"/>
        <bgColor indexed="45"/>
      </patternFill>
    </fill>
    <fill>
      <patternFill patternType="solid">
        <fgColor indexed="27"/>
        <bgColor indexed="41"/>
      </patternFill>
    </fill>
    <fill>
      <patternFill patternType="solid">
        <fgColor indexed="47"/>
        <bgColor indexed="22"/>
      </patternFill>
    </fill>
    <fill>
      <patternFill patternType="solid">
        <fgColor indexed="44"/>
        <bgColor indexed="31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30"/>
        <bgColor indexed="21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43"/>
        <bgColor indexed="26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35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</borders>
  <cellStyleXfs count="34">
    <xf numFmtId="0" fontId="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1" fillId="13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14" borderId="0" applyNumberFormat="0" applyBorder="0" applyAlignment="0" applyProtection="0"/>
    <xf numFmtId="0" fontId="11" fillId="15" borderId="0" applyNumberFormat="0" applyBorder="0" applyAlignment="0" applyProtection="0"/>
    <xf numFmtId="0" fontId="11" fillId="16" borderId="0" applyNumberFormat="0" applyBorder="0" applyAlignment="0" applyProtection="0"/>
    <xf numFmtId="0" fontId="12" fillId="4" borderId="0" applyNumberFormat="0" applyBorder="0" applyAlignment="0" applyProtection="0"/>
    <xf numFmtId="165" fontId="16" fillId="0" borderId="0" applyFont="0" applyBorder="0" applyProtection="0"/>
    <xf numFmtId="0" fontId="17" fillId="0" borderId="0" applyNumberFormat="0" applyBorder="0" applyProtection="0"/>
    <xf numFmtId="0" fontId="18" fillId="0" borderId="0" applyNumberFormat="0" applyBorder="0" applyProtection="0">
      <alignment horizontal="center"/>
    </xf>
    <xf numFmtId="0" fontId="18" fillId="0" borderId="0" applyNumberFormat="0" applyBorder="0" applyProtection="0">
      <alignment horizontal="center" textRotation="90"/>
    </xf>
    <xf numFmtId="0" fontId="13" fillId="17" borderId="0" applyNumberFormat="0" applyBorder="0" applyAlignment="0" applyProtection="0"/>
    <xf numFmtId="0" fontId="16" fillId="0" borderId="0"/>
    <xf numFmtId="0" fontId="5" fillId="0" borderId="0"/>
    <xf numFmtId="0" fontId="9" fillId="0" borderId="0"/>
    <xf numFmtId="9" fontId="1" fillId="0" borderId="0" applyFont="0" applyFill="0" applyBorder="0" applyAlignment="0" applyProtection="0"/>
    <xf numFmtId="0" fontId="19" fillId="0" borderId="0" applyNumberFormat="0" applyBorder="0" applyProtection="0"/>
    <xf numFmtId="166" fontId="19" fillId="0" borderId="0" applyBorder="0" applyProtection="0"/>
    <xf numFmtId="0" fontId="14" fillId="3" borderId="0" applyNumberFormat="0" applyBorder="0" applyAlignment="0" applyProtection="0"/>
  </cellStyleXfs>
  <cellXfs count="87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3" fillId="0" borderId="1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164" fontId="4" fillId="0" borderId="5" xfId="0" applyNumberFormat="1" applyFont="1" applyBorder="1" applyAlignment="1">
      <alignment horizontal="center" vertical="center" wrapText="1"/>
    </xf>
    <xf numFmtId="164" fontId="4" fillId="0" borderId="7" xfId="0" applyNumberFormat="1" applyFont="1" applyBorder="1" applyAlignment="1">
      <alignment horizontal="center" vertical="center" wrapText="1"/>
    </xf>
    <xf numFmtId="0" fontId="4" fillId="0" borderId="0" xfId="0" applyFont="1"/>
    <xf numFmtId="164" fontId="4" fillId="19" borderId="8" xfId="0" applyNumberFormat="1" applyFont="1" applyFill="1" applyBorder="1" applyAlignment="1">
      <alignment horizontal="center" vertical="center" wrapText="1"/>
    </xf>
    <xf numFmtId="164" fontId="4" fillId="0" borderId="9" xfId="0" applyNumberFormat="1" applyFont="1" applyBorder="1" applyAlignment="1">
      <alignment horizontal="center" vertical="center" wrapText="1"/>
    </xf>
    <xf numFmtId="164" fontId="4" fillId="20" borderId="8" xfId="0" applyNumberFormat="1" applyFont="1" applyFill="1" applyBorder="1" applyAlignment="1">
      <alignment horizontal="center" vertical="center" wrapText="1"/>
    </xf>
    <xf numFmtId="0" fontId="5" fillId="0" borderId="0" xfId="0" applyFont="1"/>
    <xf numFmtId="164" fontId="4" fillId="0" borderId="20" xfId="0" applyNumberFormat="1" applyFont="1" applyBorder="1" applyAlignment="1">
      <alignment horizontal="center" vertical="center" wrapText="1"/>
    </xf>
    <xf numFmtId="0" fontId="20" fillId="0" borderId="10" xfId="0" applyFont="1" applyBorder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20" fillId="0" borderId="11" xfId="0" applyFont="1" applyBorder="1" applyAlignment="1">
      <alignment horizontal="center" vertical="center" wrapText="1"/>
    </xf>
    <xf numFmtId="0" fontId="20" fillId="0" borderId="12" xfId="0" applyFont="1" applyBorder="1" applyAlignment="1">
      <alignment horizontal="center" vertical="center" wrapText="1"/>
    </xf>
    <xf numFmtId="0" fontId="6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wrapText="1"/>
    </xf>
    <xf numFmtId="0" fontId="4" fillId="0" borderId="0" xfId="0" applyFont="1" applyAlignment="1">
      <alignment horizontal="center" wrapText="1"/>
    </xf>
    <xf numFmtId="0" fontId="4" fillId="0" borderId="6" xfId="0" applyFont="1" applyBorder="1" applyAlignment="1">
      <alignment horizontal="center" wrapText="1"/>
    </xf>
    <xf numFmtId="0" fontId="4" fillId="0" borderId="11" xfId="0" applyFont="1" applyBorder="1" applyAlignment="1">
      <alignment horizontal="center" wrapText="1"/>
    </xf>
    <xf numFmtId="0" fontId="4" fillId="0" borderId="12" xfId="0" applyFont="1" applyBorder="1" applyAlignment="1">
      <alignment horizontal="center" wrapText="1"/>
    </xf>
    <xf numFmtId="0" fontId="4" fillId="0" borderId="9" xfId="0" applyFont="1" applyBorder="1" applyAlignment="1">
      <alignment horizontal="center" wrapText="1"/>
    </xf>
    <xf numFmtId="0" fontId="6" fillId="0" borderId="11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9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 wrapText="1"/>
    </xf>
    <xf numFmtId="0" fontId="15" fillId="0" borderId="5" xfId="29" applyFont="1" applyBorder="1" applyAlignment="1">
      <alignment horizontal="left" vertical="center" wrapText="1"/>
    </xf>
    <xf numFmtId="0" fontId="9" fillId="0" borderId="5" xfId="29" applyBorder="1" applyAlignment="1">
      <alignment horizontal="center" vertical="center"/>
    </xf>
    <xf numFmtId="0" fontId="5" fillId="0" borderId="5" xfId="29" applyFont="1" applyBorder="1" applyAlignment="1">
      <alignment horizontal="center" vertical="center"/>
    </xf>
    <xf numFmtId="9" fontId="4" fillId="0" borderId="5" xfId="30" applyFont="1" applyBorder="1" applyAlignment="1">
      <alignment horizontal="center" vertical="center" wrapText="1"/>
    </xf>
    <xf numFmtId="0" fontId="3" fillId="0" borderId="16" xfId="0" applyFont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 wrapText="1"/>
    </xf>
    <xf numFmtId="164" fontId="4" fillId="0" borderId="24" xfId="0" applyNumberFormat="1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wrapText="1"/>
    </xf>
    <xf numFmtId="0" fontId="15" fillId="0" borderId="26" xfId="29" applyFont="1" applyBorder="1" applyAlignment="1">
      <alignment horizontal="left" vertical="center" wrapText="1"/>
    </xf>
    <xf numFmtId="0" fontId="3" fillId="0" borderId="26" xfId="0" applyFont="1" applyBorder="1" applyAlignment="1">
      <alignment horizontal="center" vertical="center" wrapText="1"/>
    </xf>
    <xf numFmtId="0" fontId="9" fillId="0" borderId="26" xfId="29" applyBorder="1" applyAlignment="1">
      <alignment horizontal="center" vertical="center"/>
    </xf>
    <xf numFmtId="0" fontId="5" fillId="0" borderId="26" xfId="29" applyFont="1" applyBorder="1" applyAlignment="1">
      <alignment horizontal="center" vertical="center"/>
    </xf>
    <xf numFmtId="164" fontId="4" fillId="0" borderId="26" xfId="0" applyNumberFormat="1" applyFont="1" applyBorder="1" applyAlignment="1">
      <alignment horizontal="center" vertical="center" wrapText="1"/>
    </xf>
    <xf numFmtId="9" fontId="4" fillId="0" borderId="26" xfId="30" applyFont="1" applyBorder="1" applyAlignment="1">
      <alignment horizontal="center" vertical="center" wrapText="1"/>
    </xf>
    <xf numFmtId="164" fontId="4" fillId="0" borderId="27" xfId="0" applyNumberFormat="1" applyFont="1" applyBorder="1" applyAlignment="1">
      <alignment horizontal="center" vertical="center" wrapText="1"/>
    </xf>
    <xf numFmtId="0" fontId="4" fillId="0" borderId="16" xfId="0" applyFont="1" applyBorder="1"/>
    <xf numFmtId="0" fontId="7" fillId="0" borderId="2" xfId="0" applyFont="1" applyBorder="1" applyAlignment="1">
      <alignment horizontal="center" vertical="center" wrapText="1"/>
    </xf>
    <xf numFmtId="164" fontId="4" fillId="18" borderId="8" xfId="0" applyNumberFormat="1" applyFont="1" applyFill="1" applyBorder="1" applyAlignment="1">
      <alignment horizontal="center" vertical="center" wrapText="1"/>
    </xf>
    <xf numFmtId="164" fontId="4" fillId="0" borderId="1" xfId="0" applyNumberFormat="1" applyFont="1" applyBorder="1" applyAlignment="1">
      <alignment horizontal="center" vertical="center" wrapText="1"/>
    </xf>
    <xf numFmtId="164" fontId="4" fillId="0" borderId="2" xfId="0" applyNumberFormat="1" applyFont="1" applyBorder="1" applyAlignment="1">
      <alignment horizontal="center" vertical="center" wrapText="1"/>
    </xf>
    <xf numFmtId="164" fontId="4" fillId="0" borderId="28" xfId="0" applyNumberFormat="1" applyFont="1" applyBorder="1" applyAlignment="1">
      <alignment horizontal="center" vertical="center" wrapText="1"/>
    </xf>
    <xf numFmtId="164" fontId="4" fillId="0" borderId="29" xfId="0" applyNumberFormat="1" applyFont="1" applyBorder="1" applyAlignment="1">
      <alignment horizontal="center" vertical="center" wrapText="1"/>
    </xf>
    <xf numFmtId="0" fontId="4" fillId="0" borderId="0" xfId="0" applyFont="1" applyBorder="1"/>
    <xf numFmtId="164" fontId="4" fillId="0" borderId="30" xfId="0" applyNumberFormat="1" applyFont="1" applyBorder="1" applyAlignment="1">
      <alignment horizontal="center" vertical="center" wrapText="1"/>
    </xf>
    <xf numFmtId="164" fontId="4" fillId="0" borderId="31" xfId="0" applyNumberFormat="1" applyFont="1" applyBorder="1" applyAlignment="1">
      <alignment vertical="center" wrapText="1"/>
    </xf>
    <xf numFmtId="164" fontId="4" fillId="0" borderId="32" xfId="0" applyNumberFormat="1" applyFont="1" applyBorder="1" applyAlignment="1">
      <alignment vertical="center" wrapText="1"/>
    </xf>
    <xf numFmtId="0" fontId="0" fillId="0" borderId="19" xfId="0" applyBorder="1"/>
    <xf numFmtId="0" fontId="4" fillId="0" borderId="28" xfId="0" applyFont="1" applyBorder="1" applyAlignment="1">
      <alignment horizontal="center" vertical="center" wrapText="1"/>
    </xf>
    <xf numFmtId="0" fontId="3" fillId="0" borderId="33" xfId="0" applyFont="1" applyBorder="1" applyAlignment="1">
      <alignment horizontal="center" vertical="center" wrapText="1"/>
    </xf>
    <xf numFmtId="0" fontId="15" fillId="0" borderId="7" xfId="29" applyFont="1" applyBorder="1" applyAlignment="1">
      <alignment horizontal="left" vertical="center" wrapText="1"/>
    </xf>
    <xf numFmtId="0" fontId="3" fillId="0" borderId="7" xfId="0" applyFont="1" applyBorder="1" applyAlignment="1">
      <alignment horizontal="center" vertical="center" wrapText="1"/>
    </xf>
    <xf numFmtId="0" fontId="9" fillId="0" borderId="7" xfId="29" applyBorder="1" applyAlignment="1">
      <alignment horizontal="center" vertical="center"/>
    </xf>
    <xf numFmtId="0" fontId="5" fillId="0" borderId="7" xfId="29" applyFont="1" applyBorder="1" applyAlignment="1">
      <alignment horizontal="center" vertical="center"/>
    </xf>
    <xf numFmtId="9" fontId="4" fillId="0" borderId="7" xfId="30" applyFont="1" applyBorder="1" applyAlignment="1">
      <alignment horizontal="center" vertical="center" wrapText="1"/>
    </xf>
    <xf numFmtId="164" fontId="4" fillId="0" borderId="34" xfId="0" applyNumberFormat="1" applyFont="1" applyBorder="1" applyAlignment="1">
      <alignment horizontal="center" vertical="center" wrapText="1"/>
    </xf>
    <xf numFmtId="0" fontId="7" fillId="0" borderId="25" xfId="0" applyFont="1" applyBorder="1" applyAlignment="1">
      <alignment horizontal="center" vertical="center" wrapText="1"/>
    </xf>
    <xf numFmtId="0" fontId="7" fillId="0" borderId="26" xfId="0" applyFont="1" applyBorder="1" applyAlignment="1">
      <alignment horizontal="center" vertical="center" wrapText="1"/>
    </xf>
    <xf numFmtId="0" fontId="8" fillId="0" borderId="26" xfId="0" applyFont="1" applyBorder="1" applyAlignment="1">
      <alignment horizontal="center" vertical="center" wrapText="1"/>
    </xf>
    <xf numFmtId="0" fontId="7" fillId="0" borderId="27" xfId="0" applyFont="1" applyBorder="1" applyAlignment="1">
      <alignment horizontal="center" vertical="center" wrapText="1"/>
    </xf>
  </cellXfs>
  <cellStyles count="34">
    <cellStyle name="20% - akcent 1" xfId="1" xr:uid="{2F91C6DA-259E-47B2-BECC-76672224B94D}"/>
    <cellStyle name="20% - akcent 2" xfId="2" xr:uid="{E67C8D62-E6A4-4CFA-82D2-62AC2421AAE0}"/>
    <cellStyle name="20% - akcent 3" xfId="3" xr:uid="{560F7C0F-FB90-495E-AFF8-1A29CE86868E}"/>
    <cellStyle name="20% - akcent 4" xfId="4" xr:uid="{3CB8ED8A-43B8-413D-A7CE-6832D3A59BBE}"/>
    <cellStyle name="20% - akcent 4 2" xfId="5" xr:uid="{142A9E59-A301-49DF-A5E0-D36C59A2E180}"/>
    <cellStyle name="20% - akcent 5" xfId="6" xr:uid="{033D21E4-32EE-419D-B035-F3A1015AB5EA}"/>
    <cellStyle name="20% - akcent 6" xfId="7" xr:uid="{A8FEE37A-68EA-4845-AF8E-C3ABE55AA923}"/>
    <cellStyle name="40% - akcent 1" xfId="8" xr:uid="{3E48966B-5C46-4983-9F10-9DCCD6C53BA7}"/>
    <cellStyle name="40% - akcent 2" xfId="9" xr:uid="{1CF8193B-C2E4-4B02-A238-6887528F396D}"/>
    <cellStyle name="40% - akcent 3" xfId="10" xr:uid="{2FB724B5-B95D-4A01-8D31-23E8A8626FD6}"/>
    <cellStyle name="40% - akcent 4" xfId="11" xr:uid="{D5023DA3-4F29-4EAD-BFE9-BCEC8500180E}"/>
    <cellStyle name="40% - akcent 4 2" xfId="12" xr:uid="{76D6B5A8-DAEB-4FD6-AEEC-6EDF32A42578}"/>
    <cellStyle name="40% - akcent 5" xfId="13" xr:uid="{D04C83E9-7C62-4FBE-9E79-46FBFE077544}"/>
    <cellStyle name="40% - akcent 6" xfId="14" xr:uid="{958EBAA5-94CC-49B1-B9DE-01F2F9EB4641}"/>
    <cellStyle name="60% - akcent 1" xfId="15" xr:uid="{20FE2E02-8393-4437-A32E-DB9D5F635BEF}"/>
    <cellStyle name="60% - akcent 2" xfId="16" xr:uid="{CE4693D6-E03A-4674-A46F-176516DB4B94}"/>
    <cellStyle name="60% - akcent 3" xfId="17" xr:uid="{99614B0F-0AE5-4673-9A7D-FD029A932C58}"/>
    <cellStyle name="60% - akcent 4" xfId="18" xr:uid="{2B7E3CBF-8A68-4ADD-9CBA-8C96EFD6F20A}"/>
    <cellStyle name="60% - akcent 5" xfId="19" xr:uid="{761F7175-E6D8-4C78-8FE7-7D2802F3ED5A}"/>
    <cellStyle name="60% - akcent 6" xfId="20" xr:uid="{FB8E87D3-A10A-4FBD-B282-5BEC41979C98}"/>
    <cellStyle name="Dobre" xfId="21" xr:uid="{8A607914-8AFB-47BB-A6C4-6C6625D2EAC3}"/>
    <cellStyle name="Dziesiętny 2" xfId="22" xr:uid="{82EEE164-7AC1-4ABD-A5D8-3DDDA72BFDBA}"/>
    <cellStyle name="Excel Built-in Normal" xfId="23" xr:uid="{E2BFB690-5807-42D9-AA6D-46EE34818521}"/>
    <cellStyle name="Heading" xfId="24" xr:uid="{C34C3D02-E118-401B-8B48-48D3AC747115}"/>
    <cellStyle name="Heading1" xfId="25" xr:uid="{70C02F82-0262-4DD2-94A7-BF34DCD5C915}"/>
    <cellStyle name="Neutralne" xfId="26" xr:uid="{5A814125-6CB5-4AB2-B316-A3812B0958C2}"/>
    <cellStyle name="Normalny" xfId="0" builtinId="0"/>
    <cellStyle name="Normalny 2" xfId="27" xr:uid="{B20213D1-10D0-42DA-9B3C-A46F0C4C2B9A}"/>
    <cellStyle name="Normalny 3" xfId="28" xr:uid="{63DC4ACD-5BF3-4904-8969-1A1B164E8EA4}"/>
    <cellStyle name="Normalny 4" xfId="29" xr:uid="{29B2359C-58C0-46CA-987B-679EF32D4718}"/>
    <cellStyle name="Procentowy" xfId="30" builtinId="5"/>
    <cellStyle name="Result" xfId="31" xr:uid="{AAB21345-2CAA-4A18-8189-E9ED403309A8}"/>
    <cellStyle name="Result2" xfId="32" xr:uid="{25D8865B-E8C6-48C7-B326-24B4ABCBBBB2}"/>
    <cellStyle name="Złe" xfId="33" xr:uid="{755C13E5-9581-4F65-87F2-1C2289814DE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 2013–2022">
  <a:themeElements>
    <a:clrScheme name="Pakiet 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3A8002-A382-49CE-A3C3-FDEC011B083E}">
  <sheetPr>
    <pageSetUpPr fitToPage="1"/>
  </sheetPr>
  <dimension ref="A1:P15"/>
  <sheetViews>
    <sheetView tabSelected="1" workbookViewId="0">
      <selection activeCell="H13" sqref="H13:L15"/>
    </sheetView>
  </sheetViews>
  <sheetFormatPr defaultRowHeight="14.25"/>
  <cols>
    <col min="1" max="1" width="2" customWidth="1"/>
    <col min="2" max="2" width="7.42578125" style="9" customWidth="1"/>
    <col min="3" max="3" width="46.7109375" style="9" customWidth="1"/>
    <col min="4" max="4" width="29.28515625" style="9" customWidth="1"/>
    <col min="5" max="5" width="11.140625" style="9" customWidth="1"/>
    <col min="6" max="6" width="11" style="13" customWidth="1"/>
    <col min="7" max="7" width="14.42578125" style="9" customWidth="1"/>
    <col min="8" max="8" width="15" style="9" customWidth="1"/>
    <col min="9" max="9" width="10.42578125" style="9" customWidth="1"/>
    <col min="10" max="10" width="15.7109375" style="9" customWidth="1"/>
    <col min="11" max="11" width="13.85546875" style="9" customWidth="1"/>
    <col min="12" max="12" width="15.28515625" style="9" customWidth="1"/>
  </cols>
  <sheetData>
    <row r="1" spans="1:16" ht="15" thickBot="1"/>
    <row r="2" spans="1:16" ht="15.75" customHeight="1">
      <c r="A2" s="74"/>
      <c r="B2" s="49" t="s">
        <v>26</v>
      </c>
      <c r="C2" s="33"/>
      <c r="D2" s="33"/>
      <c r="E2" s="33"/>
      <c r="F2" s="33"/>
      <c r="G2" s="33"/>
      <c r="H2" s="34"/>
      <c r="I2" s="37" t="s">
        <v>24</v>
      </c>
      <c r="J2" s="38"/>
      <c r="K2" s="38"/>
      <c r="L2" s="39"/>
    </row>
    <row r="3" spans="1:16" ht="30" customHeight="1">
      <c r="A3" s="74"/>
      <c r="B3" s="50"/>
      <c r="C3" s="35"/>
      <c r="D3" s="35"/>
      <c r="E3" s="35"/>
      <c r="F3" s="35"/>
      <c r="G3" s="35"/>
      <c r="H3" s="36"/>
      <c r="I3" s="40"/>
      <c r="J3" s="51"/>
      <c r="K3" s="51"/>
      <c r="L3" s="41"/>
    </row>
    <row r="4" spans="1:16" ht="27.75" customHeight="1" thickBot="1">
      <c r="A4" s="74"/>
      <c r="B4" s="52"/>
      <c r="C4" s="42"/>
      <c r="D4" s="42"/>
      <c r="E4" s="42"/>
      <c r="F4" s="42"/>
      <c r="G4" s="42"/>
      <c r="H4" s="43"/>
      <c r="I4" s="40"/>
      <c r="J4" s="51"/>
      <c r="K4" s="51"/>
      <c r="L4" s="41"/>
    </row>
    <row r="5" spans="1:16" ht="15">
      <c r="A5" s="74"/>
      <c r="B5" s="63"/>
      <c r="C5" s="75"/>
      <c r="D5" s="4" t="s">
        <v>10</v>
      </c>
      <c r="E5" s="4" t="s">
        <v>21</v>
      </c>
      <c r="F5" s="64" t="s">
        <v>0</v>
      </c>
      <c r="G5" s="5" t="s">
        <v>1</v>
      </c>
      <c r="H5" s="6" t="s">
        <v>12</v>
      </c>
      <c r="I5" s="3" t="s">
        <v>20</v>
      </c>
      <c r="J5" s="4" t="s">
        <v>11</v>
      </c>
      <c r="K5" s="5" t="s">
        <v>16</v>
      </c>
      <c r="L5" s="6" t="s">
        <v>17</v>
      </c>
    </row>
    <row r="6" spans="1:16" ht="87" customHeight="1" thickBot="1">
      <c r="A6" s="74"/>
      <c r="B6" s="83" t="s">
        <v>13</v>
      </c>
      <c r="C6" s="84" t="s">
        <v>2</v>
      </c>
      <c r="D6" s="85" t="s">
        <v>22</v>
      </c>
      <c r="E6" s="84" t="s">
        <v>6</v>
      </c>
      <c r="F6" s="84" t="s">
        <v>5</v>
      </c>
      <c r="G6" s="84" t="s">
        <v>4</v>
      </c>
      <c r="H6" s="84" t="s">
        <v>8</v>
      </c>
      <c r="I6" s="84" t="s">
        <v>19</v>
      </c>
      <c r="J6" s="84" t="s">
        <v>3</v>
      </c>
      <c r="K6" s="84" t="s">
        <v>7</v>
      </c>
      <c r="L6" s="86" t="s">
        <v>9</v>
      </c>
      <c r="M6" s="1"/>
      <c r="N6" s="1"/>
      <c r="O6" s="1"/>
    </row>
    <row r="7" spans="1:16" ht="66" customHeight="1">
      <c r="A7" s="74"/>
      <c r="B7" s="76" t="s">
        <v>18</v>
      </c>
      <c r="C7" s="77" t="s">
        <v>27</v>
      </c>
      <c r="D7" s="78"/>
      <c r="E7" s="79" t="s">
        <v>28</v>
      </c>
      <c r="F7" s="80">
        <v>63</v>
      </c>
      <c r="G7" s="8"/>
      <c r="H7" s="8">
        <f>ROUND(F7*G7,2)</f>
        <v>0</v>
      </c>
      <c r="I7" s="81"/>
      <c r="J7" s="8">
        <f>ROUND(H7*I7,2)</f>
        <v>0</v>
      </c>
      <c r="K7" s="8">
        <f>ROUND(L7/F7,2)</f>
        <v>0</v>
      </c>
      <c r="L7" s="82">
        <f>ROUND(SUM(H7,J7),2)</f>
        <v>0</v>
      </c>
      <c r="M7" s="1"/>
      <c r="N7" s="1"/>
      <c r="O7" s="1"/>
    </row>
    <row r="8" spans="1:16" ht="66" customHeight="1">
      <c r="A8" s="74"/>
      <c r="B8" s="53" t="s">
        <v>29</v>
      </c>
      <c r="C8" s="45" t="s">
        <v>33</v>
      </c>
      <c r="D8" s="44"/>
      <c r="E8" s="46" t="s">
        <v>28</v>
      </c>
      <c r="F8" s="47">
        <v>11</v>
      </c>
      <c r="G8" s="7"/>
      <c r="H8" s="7">
        <f t="shared" ref="H8:H9" si="0">ROUND(F8*G8,2)</f>
        <v>0</v>
      </c>
      <c r="I8" s="48"/>
      <c r="J8" s="7">
        <f t="shared" ref="J8:J9" si="1">ROUND(H8*I8,2)</f>
        <v>0</v>
      </c>
      <c r="K8" s="7">
        <f t="shared" ref="K8:K9" si="2">ROUND(L8/F8,2)</f>
        <v>0</v>
      </c>
      <c r="L8" s="54">
        <f t="shared" ref="L8:L9" si="3">ROUND(SUM(H8,J8),2)</f>
        <v>0</v>
      </c>
      <c r="M8" s="1"/>
      <c r="N8" s="1"/>
      <c r="O8" s="1"/>
    </row>
    <row r="9" spans="1:16" ht="66" customHeight="1" thickBot="1">
      <c r="A9" s="74"/>
      <c r="B9" s="55" t="s">
        <v>30</v>
      </c>
      <c r="C9" s="56" t="s">
        <v>34</v>
      </c>
      <c r="D9" s="57"/>
      <c r="E9" s="58" t="s">
        <v>28</v>
      </c>
      <c r="F9" s="59">
        <v>45</v>
      </c>
      <c r="G9" s="60"/>
      <c r="H9" s="60">
        <f t="shared" si="0"/>
        <v>0</v>
      </c>
      <c r="I9" s="61"/>
      <c r="J9" s="60">
        <f t="shared" si="1"/>
        <v>0</v>
      </c>
      <c r="K9" s="60">
        <f t="shared" si="2"/>
        <v>0</v>
      </c>
      <c r="L9" s="62">
        <f t="shared" si="3"/>
        <v>0</v>
      </c>
      <c r="M9" s="1"/>
      <c r="N9" s="1"/>
      <c r="O9" s="1"/>
    </row>
    <row r="10" spans="1:16" ht="19.5" customHeight="1" thickBot="1">
      <c r="B10" s="15"/>
      <c r="C10" s="16"/>
      <c r="D10" s="16"/>
      <c r="E10" s="16"/>
      <c r="F10" s="16"/>
      <c r="G10" s="65" t="s">
        <v>14</v>
      </c>
      <c r="H10" s="65">
        <f>SUM(H7:H9)</f>
        <v>0</v>
      </c>
      <c r="I10" s="66"/>
      <c r="J10" s="67"/>
      <c r="K10" s="68"/>
      <c r="L10" s="69"/>
      <c r="M10" s="1"/>
      <c r="N10" s="1"/>
      <c r="O10" s="1"/>
      <c r="P10" s="2"/>
    </row>
    <row r="11" spans="1:16" ht="24" customHeight="1" thickBot="1">
      <c r="B11" s="15"/>
      <c r="C11" s="16"/>
      <c r="D11" s="16"/>
      <c r="E11" s="16"/>
      <c r="F11" s="16"/>
      <c r="G11" s="73"/>
      <c r="H11" s="70"/>
      <c r="I11" s="10" t="s">
        <v>31</v>
      </c>
      <c r="J11" s="10">
        <f>SUM(J7:J9)</f>
        <v>0</v>
      </c>
      <c r="K11" s="11"/>
      <c r="L11" s="71"/>
      <c r="M11" s="1"/>
      <c r="N11" s="1"/>
      <c r="O11" s="1"/>
      <c r="P11" s="2"/>
    </row>
    <row r="12" spans="1:16" ht="27.75" customHeight="1" thickBot="1">
      <c r="B12" s="17"/>
      <c r="C12" s="18"/>
      <c r="D12" s="18"/>
      <c r="E12" s="18"/>
      <c r="F12" s="18"/>
      <c r="G12" s="72"/>
      <c r="H12" s="60"/>
      <c r="I12" s="14"/>
      <c r="J12" s="14"/>
      <c r="K12" s="12" t="s">
        <v>32</v>
      </c>
      <c r="L12" s="12">
        <f>SUM(L7:L9)</f>
        <v>0</v>
      </c>
      <c r="M12" s="1"/>
      <c r="N12" s="1"/>
      <c r="O12" s="1"/>
    </row>
    <row r="13" spans="1:16" ht="21.75" customHeight="1">
      <c r="B13" s="19" t="s">
        <v>25</v>
      </c>
      <c r="C13" s="20"/>
      <c r="D13" s="20"/>
      <c r="E13" s="20"/>
      <c r="F13" s="20"/>
      <c r="G13" s="23"/>
      <c r="H13" s="24" t="s">
        <v>15</v>
      </c>
      <c r="I13" s="25"/>
      <c r="J13" s="25"/>
      <c r="K13" s="25"/>
      <c r="L13" s="26"/>
      <c r="M13" s="1"/>
      <c r="N13" s="1"/>
      <c r="O13" s="1"/>
    </row>
    <row r="14" spans="1:16" ht="26.25" customHeight="1">
      <c r="B14" s="21"/>
      <c r="C14" s="22"/>
      <c r="D14" s="22"/>
      <c r="E14" s="22"/>
      <c r="F14" s="22"/>
      <c r="G14" s="23"/>
      <c r="H14" s="24"/>
      <c r="I14" s="25"/>
      <c r="J14" s="25"/>
      <c r="K14" s="25"/>
      <c r="L14" s="26"/>
      <c r="M14" s="1"/>
      <c r="N14" s="1"/>
      <c r="O14" s="1"/>
    </row>
    <row r="15" spans="1:16" ht="59.25" customHeight="1">
      <c r="B15" s="30" t="s">
        <v>23</v>
      </c>
      <c r="C15" s="31"/>
      <c r="D15" s="31"/>
      <c r="E15" s="31"/>
      <c r="F15" s="31"/>
      <c r="G15" s="32"/>
      <c r="H15" s="27"/>
      <c r="I15" s="28"/>
      <c r="J15" s="28"/>
      <c r="K15" s="28"/>
      <c r="L15" s="29"/>
      <c r="M15" s="1"/>
      <c r="N15" s="1"/>
      <c r="O15" s="1"/>
    </row>
  </sheetData>
  <mergeCells count="7">
    <mergeCell ref="B10:F12"/>
    <mergeCell ref="B13:G14"/>
    <mergeCell ref="H13:L15"/>
    <mergeCell ref="B15:G15"/>
    <mergeCell ref="B2:H3"/>
    <mergeCell ref="I2:L4"/>
    <mergeCell ref="B4:H4"/>
  </mergeCells>
  <phoneticPr fontId="2" type="noConversion"/>
  <pageMargins left="0.21" right="0.19" top="0.98425196850393704" bottom="0.98425196850393704" header="0.51181102362204722" footer="0.51181102362204722"/>
  <pageSetup paperSize="9" scale="7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części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S</dc:creator>
  <cp:lastModifiedBy>Anna Narloch-Scharnowska</cp:lastModifiedBy>
  <cp:lastPrinted>2025-09-11T07:37:50Z</cp:lastPrinted>
  <dcterms:created xsi:type="dcterms:W3CDTF">2012-02-10T11:34:38Z</dcterms:created>
  <dcterms:modified xsi:type="dcterms:W3CDTF">2025-09-17T07:04:59Z</dcterms:modified>
</cp:coreProperties>
</file>